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msker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4A75F5F-1CCD-09C1-CEEB-9FDA051D487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60" y="4560411"/>
            <a:ext cx="3236056"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6D558F40-7A82-1522-7D6F-C0F2204FE05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5643" y="3837276"/>
            <a:ext cx="2249553"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09T08:09:42Z</dcterms:modified>
</cp:coreProperties>
</file>